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20B73AA-D287-4E74-9506-B21728DE7FE0}" v="59" dt="2022-10-05T06:26:18.600"/>
  </p1510:revLst>
</p1510:revInfo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jpe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image" Target="../media/image3.jpe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e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12.svg"/><Relationship Id="rId4" Type="http://schemas.openxmlformats.org/officeDocument/2006/relationships/image" Target="../media/image11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jpeg"/><Relationship Id="rId1" Type="http://schemas.openxmlformats.org/officeDocument/2006/relationships/slideLayout" Target="../slideLayouts/slideLayout4.xml"/></Relationships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253</Words>
  <Application>Microsoft Office PowerPoint</Application>
  <PresentationFormat>Widescreen</PresentationFormat>
  <Paragraphs>29</Paragraphs>
  <Slides>1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5" baseType="lpstr">
      <vt:lpstr>Arial</vt:lpstr>
      <vt:lpstr>Calibri</vt:lpstr>
      <vt:lpstr>Wingdings</vt:lpstr>
      <vt:lpstr>SDU</vt:lpstr>
      <vt:lpstr>Risiko – hva’ for noget???</vt:lpstr>
      <vt:lpstr>SAGA  Ingen risikostyring…</vt:lpstr>
      <vt:lpstr>Freja  Ingen Risikostyring…</vt:lpstr>
      <vt:lpstr>Frigg Punktform og Prosa      Ansvarlig     Opfølgning     Risikolog     Revidering</vt:lpstr>
      <vt:lpstr>NytSIS – Tekniskspor  Erfaringer </vt:lpstr>
      <vt:lpstr>Risikolog       Sandsynlighed *       Konsekvens =      Score            Forebyggende tiltag      Udvikling      Ansvarlig </vt:lpstr>
      <vt:lpstr>Risikolog  - Revurdering af sandsynlighed/konsekvens - Opfølgning med styregruppe - Nye punkter</vt:lpstr>
      <vt:lpstr>Mine planer  Vurder økonomiske konsekvenser for hver risiko.  Hvad koster det som minimum og maximum, hvis en risiko indtræder</vt:lpstr>
      <vt:lpstr>Det vi drømmer om</vt:lpstr>
      <vt:lpstr>Det vi får</vt:lpstr>
      <vt:lpstr>Men hellere lidt end slet inte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10-03T12:54:18Z</dcterms:created>
  <dcterms:modified xsi:type="dcterms:W3CDTF">2022-10-05T06:27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30414013570267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